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teratologic_diseases_en_product3_216" type="4" refreshedVersion="0" background="1">
    <webPr xml="1" sourceData="1" url="C:\Users\till.voigtlaender\Desktop\back-up 251012\t_voigtlaender\ccrd-gög\Nationaler Aktionsplan\disease_groups\classifications_rare_diseases_orphanet\s2\rare_teratologic_diseases_en_product3_216.xml" htmlTables="1" htmlFormat="all"/>
  </connection>
</connections>
</file>

<file path=xl/sharedStrings.xml><?xml version="1.0" encoding="utf-8"?>
<sst xmlns="http://schemas.openxmlformats.org/spreadsheetml/2006/main" count="58" uniqueCount="47">
  <si>
    <t>Rare teratologic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Diabetic embryopathy</t>
  </si>
  <si>
    <t>• Infectious embryofetopathy</t>
  </si>
  <si>
    <t>• Fetal parvovirus syndrome</t>
  </si>
  <si>
    <t>• Congenital Rubella syndrome</t>
  </si>
  <si>
    <t>• Congenital toxoplasmosis</t>
  </si>
  <si>
    <t>• Fetal varicella syndrome</t>
  </si>
  <si>
    <t>• Congenital herpes virus infection</t>
  </si>
  <si>
    <t>• Fetal cytomegalovirus syndrome</t>
  </si>
  <si>
    <t>• Congenital enterovirus infection</t>
  </si>
  <si>
    <t>• Congenital Epstein-Barr virus infection</t>
  </si>
  <si>
    <t>• Toxic or drug-related embryofetopathy</t>
  </si>
  <si>
    <t>• Fetal alcohol syndrome</t>
  </si>
  <si>
    <t>• Fetal valproate syndrome</t>
  </si>
  <si>
    <t>• Aminopterin/methotrexate embryofetopathy</t>
  </si>
  <si>
    <t>• Indomethacin embryofetopathy</t>
  </si>
  <si>
    <t>• Fetal iodine syndrome</t>
  </si>
  <si>
    <t>• Cocaine embryofetopathy</t>
  </si>
  <si>
    <t>• Fetal minoxidil syndrome</t>
  </si>
  <si>
    <t>• Fetal hydantoin syndrome</t>
  </si>
  <si>
    <t>• Fetal trimethadione syndrome</t>
  </si>
  <si>
    <t>• Embryofetopathy due to oral anticoagulant therapy</t>
  </si>
  <si>
    <t>• Diethylstilbestrol syndrome</t>
  </si>
  <si>
    <t>• Fetal methylmercury syndrome</t>
  </si>
  <si>
    <t>• Phenobarbital embryopathy</t>
  </si>
  <si>
    <t>• Toluene embryopathy</t>
  </si>
  <si>
    <t>• Methimazole embryofetopathy</t>
  </si>
  <si>
    <t>• Isotretinoin syndrome</t>
  </si>
  <si>
    <t>• Thalidomide embryopathy</t>
  </si>
  <si>
    <t>• Acitretin embryofetopathy</t>
  </si>
  <si>
    <t>• Mycophenolate mofetil embryopathy</t>
  </si>
  <si>
    <t>• Maternal disease-related embryofetopathy</t>
  </si>
  <si>
    <t>• Maternal hyperphenylalaninemia</t>
  </si>
  <si>
    <t>• Maternal hyperthermia induced birth defects</t>
  </si>
  <si>
    <r>
      <rPr>
        <b/>
        <sz val="12"/>
        <color theme="0"/>
        <rFont val="Calibri"/>
        <family val="2"/>
        <scheme val="minor"/>
      </rPr>
      <t>Seltene teratogen verursacht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t>Ergänzende und/oder alternative Vorschläge zur Klassifikation / Gruppierung von seltenen teratogen verursachten Erkrankungen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teratogen verursachte 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6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indexed="63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15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88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7" xfId="0" applyFont="1" applyFill="1" applyBorder="1" applyAlignment="1" applyProtection="1">
      <alignment horizontal="center"/>
    </xf>
    <xf numFmtId="0" fontId="5" fillId="2" borderId="8" xfId="0" applyFont="1" applyFill="1" applyBorder="1" applyProtection="1"/>
    <xf numFmtId="0" fontId="5" fillId="2" borderId="8" xfId="0" applyFont="1" applyFill="1" applyBorder="1" applyAlignment="1" applyProtection="1"/>
    <xf numFmtId="0" fontId="1" fillId="4" borderId="15" xfId="0" applyFont="1" applyFill="1" applyBorder="1" applyAlignment="1" applyProtection="1">
      <alignment horizontal="center" vertical="top" wrapText="1"/>
    </xf>
    <xf numFmtId="0" fontId="2" fillId="4" borderId="17" xfId="0" applyFont="1" applyFill="1" applyBorder="1" applyAlignment="1" applyProtection="1">
      <alignment horizontal="center" vertical="top" wrapText="1"/>
    </xf>
    <xf numFmtId="0" fontId="9" fillId="3" borderId="19" xfId="0" applyFont="1" applyFill="1" applyBorder="1" applyAlignment="1" applyProtection="1">
      <alignment vertical="center"/>
      <protection locked="0"/>
    </xf>
    <xf numFmtId="0" fontId="6" fillId="2" borderId="13" xfId="0" applyFont="1" applyFill="1" applyBorder="1" applyAlignment="1" applyProtection="1">
      <alignment vertical="center"/>
    </xf>
    <xf numFmtId="0" fontId="6" fillId="2" borderId="12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0" fillId="3" borderId="0" xfId="0" applyFill="1" applyProtection="1"/>
    <xf numFmtId="0" fontId="4" fillId="3" borderId="0" xfId="0" applyFont="1" applyFill="1" applyAlignment="1" applyProtection="1">
      <alignment horizontal="center"/>
    </xf>
    <xf numFmtId="0" fontId="0" fillId="3" borderId="0" xfId="0" applyFill="1" applyAlignment="1" applyProtection="1">
      <alignment horizontal="center"/>
    </xf>
    <xf numFmtId="0" fontId="0" fillId="3" borderId="1" xfId="0" applyFill="1" applyBorder="1" applyAlignment="1" applyProtection="1"/>
    <xf numFmtId="0" fontId="0" fillId="3" borderId="2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2" borderId="8" xfId="0" applyFill="1" applyBorder="1" applyAlignment="1" applyProtection="1"/>
    <xf numFmtId="0" fontId="0" fillId="3" borderId="7" xfId="0" applyFill="1" applyBorder="1" applyAlignment="1" applyProtection="1"/>
    <xf numFmtId="0" fontId="0" fillId="3" borderId="10" xfId="0" applyFill="1" applyBorder="1" applyAlignment="1" applyProtection="1"/>
    <xf numFmtId="0" fontId="0" fillId="3" borderId="11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3" xfId="0" applyFill="1" applyBorder="1" applyAlignment="1" applyProtection="1">
      <alignment vertical="center"/>
    </xf>
    <xf numFmtId="0" fontId="0" fillId="2" borderId="13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30" xfId="0" applyFont="1" applyFill="1" applyBorder="1" applyAlignment="1" applyProtection="1">
      <alignment horizontal="center" vertical="top" wrapText="1"/>
    </xf>
    <xf numFmtId="0" fontId="7" fillId="4" borderId="16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  <xf numFmtId="0" fontId="0" fillId="4" borderId="10" xfId="0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2" fillId="4" borderId="11" xfId="0" applyFont="1" applyFill="1" applyBorder="1" applyAlignment="1" applyProtection="1">
      <alignment horizontal="center" vertical="top" wrapText="1"/>
    </xf>
    <xf numFmtId="0" fontId="9" fillId="3" borderId="0" xfId="0" applyFont="1" applyFill="1" applyAlignment="1" applyProtection="1">
      <alignment vertical="center"/>
      <protection locked="0"/>
    </xf>
    <xf numFmtId="0" fontId="9" fillId="3" borderId="20" xfId="0" applyFont="1" applyFill="1" applyBorder="1" applyAlignment="1" applyProtection="1">
      <alignment vertical="center"/>
      <protection locked="0"/>
    </xf>
    <xf numFmtId="0" fontId="9" fillId="3" borderId="22" xfId="0" applyFont="1" applyFill="1" applyBorder="1" applyAlignment="1" applyProtection="1">
      <alignment vertical="center"/>
      <protection locked="0"/>
    </xf>
    <xf numFmtId="0" fontId="9" fillId="3" borderId="26" xfId="0" applyFont="1" applyFill="1" applyBorder="1" applyAlignment="1" applyProtection="1">
      <alignment vertical="center"/>
      <protection locked="0"/>
    </xf>
    <xf numFmtId="164" fontId="10" fillId="7" borderId="31" xfId="0" applyNumberFormat="1" applyFont="1" applyFill="1" applyBorder="1" applyAlignment="1" applyProtection="1">
      <alignment horizontal="left" vertical="center" wrapText="1"/>
    </xf>
    <xf numFmtId="164" fontId="10" fillId="7" borderId="32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3" xfId="0" applyFont="1" applyFill="1" applyBorder="1" applyAlignment="1" applyProtection="1">
      <alignment horizontal="center" vertical="center"/>
    </xf>
    <xf numFmtId="164" fontId="10" fillId="4" borderId="34" xfId="0" applyNumberFormat="1" applyFont="1" applyFill="1" applyBorder="1" applyAlignment="1" applyProtection="1">
      <alignment horizontal="left" vertical="center" wrapText="1"/>
    </xf>
    <xf numFmtId="0" fontId="15" fillId="4" borderId="1" xfId="0" applyFont="1" applyFill="1" applyBorder="1" applyAlignment="1" applyProtection="1">
      <alignment vertical="center"/>
    </xf>
    <xf numFmtId="49" fontId="1" fillId="4" borderId="2" xfId="0" applyNumberFormat="1" applyFont="1" applyFill="1" applyBorder="1" applyAlignment="1" applyProtection="1">
      <alignment vertical="top" wrapText="1"/>
    </xf>
    <xf numFmtId="164" fontId="10" fillId="4" borderId="36" xfId="0" applyNumberFormat="1" applyFont="1" applyFill="1" applyBorder="1" applyAlignment="1" applyProtection="1">
      <alignment horizontal="left" vertical="center" wrapText="1"/>
    </xf>
    <xf numFmtId="0" fontId="9" fillId="4" borderId="7" xfId="0" applyFont="1" applyFill="1" applyBorder="1" applyAlignment="1" applyProtection="1">
      <alignment vertical="center"/>
    </xf>
    <xf numFmtId="49" fontId="8" fillId="4" borderId="8" xfId="0" applyNumberFormat="1" applyFont="1" applyFill="1" applyBorder="1" applyAlignment="1" applyProtection="1">
      <alignment vertical="top" wrapText="1"/>
    </xf>
    <xf numFmtId="0" fontId="9" fillId="3" borderId="33" xfId="0" applyFont="1" applyFill="1" applyBorder="1" applyAlignment="1" applyProtection="1">
      <alignment vertical="center"/>
    </xf>
    <xf numFmtId="0" fontId="9" fillId="3" borderId="13" xfId="0" applyFont="1" applyFill="1" applyBorder="1" applyAlignment="1" applyProtection="1">
      <alignment vertical="center"/>
    </xf>
    <xf numFmtId="0" fontId="9" fillId="3" borderId="38" xfId="0" applyFont="1" applyFill="1" applyBorder="1" applyAlignment="1" applyProtection="1">
      <alignment horizontal="center" vertical="center"/>
    </xf>
    <xf numFmtId="0" fontId="0" fillId="3" borderId="29" xfId="0" applyFill="1" applyBorder="1" applyAlignment="1" applyProtection="1">
      <protection locked="0"/>
    </xf>
    <xf numFmtId="0" fontId="0" fillId="0" borderId="5" xfId="0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3" borderId="12" xfId="0" applyFill="1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9" fillId="3" borderId="18" xfId="0" applyFont="1" applyFill="1" applyBorder="1" applyAlignment="1" applyProtection="1">
      <alignment horizontal="center" vertical="center"/>
    </xf>
    <xf numFmtId="0" fontId="11" fillId="5" borderId="12" xfId="0" applyFont="1" applyFill="1" applyBorder="1" applyAlignment="1" applyProtection="1">
      <alignment vertical="center"/>
    </xf>
    <xf numFmtId="49" fontId="12" fillId="5" borderId="13" xfId="0" applyNumberFormat="1" applyFont="1" applyFill="1" applyBorder="1" applyAlignment="1" applyProtection="1">
      <alignment vertical="center"/>
    </xf>
    <xf numFmtId="0" fontId="11" fillId="3" borderId="13" xfId="0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49" fontId="11" fillId="5" borderId="13" xfId="0" applyNumberFormat="1" applyFont="1" applyFill="1" applyBorder="1" applyAlignment="1" applyProtection="1">
      <alignment vertical="center"/>
    </xf>
    <xf numFmtId="0" fontId="11" fillId="6" borderId="12" xfId="0" applyFont="1" applyFill="1" applyBorder="1" applyAlignment="1" applyProtection="1">
      <alignment vertical="center"/>
    </xf>
    <xf numFmtId="49" fontId="11" fillId="6" borderId="13" xfId="0" applyNumberFormat="1" applyFont="1" applyFill="1" applyBorder="1" applyAlignment="1" applyProtection="1">
      <alignment vertical="center"/>
    </xf>
    <xf numFmtId="0" fontId="9" fillId="3" borderId="21" xfId="0" applyFont="1" applyFill="1" applyBorder="1" applyAlignment="1" applyProtection="1">
      <alignment horizontal="center" vertical="center"/>
    </xf>
    <xf numFmtId="0" fontId="11" fillId="6" borderId="23" xfId="0" applyFont="1" applyFill="1" applyBorder="1" applyAlignment="1" applyProtection="1">
      <alignment vertical="center"/>
    </xf>
    <xf numFmtId="49" fontId="11" fillId="6" borderId="24" xfId="0" applyNumberFormat="1" applyFont="1" applyFill="1" applyBorder="1" applyAlignment="1" applyProtection="1">
      <alignment vertical="center"/>
    </xf>
    <xf numFmtId="0" fontId="9" fillId="3" borderId="24" xfId="0" applyFont="1" applyFill="1" applyBorder="1" applyAlignment="1" applyProtection="1">
      <alignment vertical="center"/>
    </xf>
    <xf numFmtId="0" fontId="9" fillId="3" borderId="25" xfId="0" applyFont="1" applyFill="1" applyBorder="1" applyAlignment="1" applyProtection="1">
      <alignment vertical="center"/>
    </xf>
    <xf numFmtId="0" fontId="13" fillId="3" borderId="0" xfId="0" applyFont="1" applyFill="1" applyProtection="1"/>
    <xf numFmtId="0" fontId="9" fillId="3" borderId="12" xfId="0" applyFont="1" applyFill="1" applyBorder="1" applyAlignment="1" applyProtection="1">
      <alignment vertical="center"/>
      <protection locked="0"/>
    </xf>
    <xf numFmtId="0" fontId="9" fillId="3" borderId="23" xfId="0" applyFont="1" applyFill="1" applyBorder="1" applyAlignment="1" applyProtection="1">
      <alignment vertical="center"/>
      <protection locked="0"/>
    </xf>
    <xf numFmtId="0" fontId="0" fillId="0" borderId="24" xfId="0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0" fontId="9" fillId="4" borderId="27" xfId="0" applyFont="1" applyFill="1" applyBorder="1" applyAlignment="1" applyProtection="1">
      <alignment vertical="center"/>
    </xf>
    <xf numFmtId="0" fontId="9" fillId="4" borderId="35" xfId="0" applyFont="1" applyFill="1" applyBorder="1" applyAlignment="1" applyProtection="1">
      <alignment vertical="center"/>
    </xf>
    <xf numFmtId="0" fontId="2" fillId="4" borderId="8" xfId="0" applyFont="1" applyFill="1" applyBorder="1" applyAlignment="1" applyProtection="1">
      <alignment vertical="top" wrapText="1"/>
    </xf>
    <xf numFmtId="0" fontId="2" fillId="4" borderId="9" xfId="0" applyFont="1" applyFill="1" applyBorder="1" applyAlignment="1" applyProtection="1">
      <alignment vertical="top" wrapText="1"/>
    </xf>
    <xf numFmtId="0" fontId="9" fillId="4" borderId="28" xfId="0" applyFont="1" applyFill="1" applyBorder="1" applyAlignment="1" applyProtection="1">
      <alignment vertical="center"/>
    </xf>
    <xf numFmtId="0" fontId="9" fillId="4" borderId="37" xfId="0" applyFont="1" applyFill="1" applyBorder="1" applyAlignment="1" applyProtection="1">
      <alignment vertical="center"/>
    </xf>
  </cellXfs>
  <cellStyles count="15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46"/>
  <sheetViews>
    <sheetView tabSelected="1"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5" hidden="1" customWidth="1"/>
    <col min="2" max="2" width="6.42578125" style="17" hidden="1" customWidth="1"/>
    <col min="3" max="3" width="10.85546875" style="15" customWidth="1"/>
    <col min="4" max="4" width="1.42578125" style="15" customWidth="1"/>
    <col min="5" max="12" width="3.5703125" style="15" customWidth="1"/>
    <col min="13" max="13" width="100.7109375" style="15" customWidth="1"/>
    <col min="14" max="14" width="20.85546875" style="15" customWidth="1"/>
    <col min="15" max="15" width="24.28515625" style="15" customWidth="1"/>
    <col min="16" max="16384" width="11.42578125" style="15"/>
  </cols>
  <sheetData>
    <row r="1" spans="2:15" ht="5.25" customHeight="1">
      <c r="B1" s="16"/>
      <c r="F1" s="17"/>
      <c r="G1" s="17"/>
      <c r="H1" s="17"/>
    </row>
    <row r="2" spans="2:15" ht="4.5" customHeight="1">
      <c r="B2" s="15"/>
      <c r="C2" s="1"/>
      <c r="D2" s="2"/>
      <c r="E2" s="2"/>
      <c r="F2" s="3"/>
      <c r="G2" s="3"/>
      <c r="H2" s="3"/>
      <c r="I2" s="3"/>
      <c r="J2" s="3"/>
      <c r="K2" s="3"/>
      <c r="L2" s="18"/>
      <c r="M2" s="19"/>
      <c r="N2" s="19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56"/>
      <c r="M3" s="57"/>
      <c r="N3" s="57"/>
      <c r="O3" s="58"/>
    </row>
    <row r="4" spans="2:15" s="21" customFormat="1" ht="4.5" customHeight="1">
      <c r="C4" s="6"/>
      <c r="D4" s="7"/>
      <c r="E4" s="7"/>
      <c r="F4" s="8"/>
      <c r="G4" s="24"/>
      <c r="H4" s="24"/>
      <c r="I4" s="24"/>
      <c r="J4" s="24"/>
      <c r="K4" s="24"/>
      <c r="L4" s="25"/>
      <c r="M4" s="26"/>
      <c r="N4" s="26"/>
      <c r="O4" s="27"/>
    </row>
    <row r="5" spans="2:15" ht="7.5" customHeight="1">
      <c r="B5" s="15"/>
      <c r="C5" s="17"/>
      <c r="G5" s="17"/>
      <c r="H5" s="17"/>
      <c r="I5" s="17"/>
      <c r="J5" s="17"/>
      <c r="K5" s="17"/>
      <c r="M5" s="28"/>
      <c r="N5" s="28"/>
      <c r="O5" s="28"/>
    </row>
    <row r="6" spans="2:15" s="29" customFormat="1" ht="22.5" customHeight="1">
      <c r="C6" s="13" t="s">
        <v>2</v>
      </c>
      <c r="D6" s="14"/>
      <c r="E6" s="30"/>
      <c r="F6" s="12"/>
      <c r="G6" s="31"/>
      <c r="H6" s="31"/>
      <c r="I6" s="31"/>
      <c r="J6" s="31"/>
      <c r="K6" s="31"/>
      <c r="L6" s="59"/>
      <c r="M6" s="60"/>
      <c r="N6" s="60"/>
      <c r="O6" s="61"/>
    </row>
    <row r="7" spans="2:15" s="29" customFormat="1" ht="22.5" customHeight="1">
      <c r="C7" s="13" t="s">
        <v>3</v>
      </c>
      <c r="D7" s="14"/>
      <c r="E7" s="30"/>
      <c r="F7" s="12"/>
      <c r="G7" s="31"/>
      <c r="H7" s="31"/>
      <c r="I7" s="31"/>
      <c r="J7" s="31"/>
      <c r="K7" s="31"/>
      <c r="L7" s="59"/>
      <c r="M7" s="60"/>
      <c r="N7" s="60"/>
      <c r="O7" s="61"/>
    </row>
    <row r="8" spans="2:15" ht="7.5" customHeight="1" thickBot="1">
      <c r="F8" s="17"/>
      <c r="G8" s="17"/>
      <c r="H8" s="17"/>
    </row>
    <row r="9" spans="2:15" s="32" customFormat="1" ht="45" customHeight="1">
      <c r="B9" s="33" t="s">
        <v>4</v>
      </c>
      <c r="C9" s="9" t="s">
        <v>5</v>
      </c>
      <c r="D9" s="34"/>
      <c r="E9" s="35" t="s">
        <v>41</v>
      </c>
      <c r="F9" s="36"/>
      <c r="G9" s="36"/>
      <c r="H9" s="36"/>
      <c r="I9" s="36"/>
      <c r="J9" s="36"/>
      <c r="K9" s="36"/>
      <c r="L9" s="36"/>
      <c r="M9" s="37"/>
      <c r="N9" s="38" t="s">
        <v>6</v>
      </c>
      <c r="O9" s="10" t="s">
        <v>7</v>
      </c>
    </row>
    <row r="10" spans="2:15" s="45" customFormat="1" ht="15.75" customHeight="1">
      <c r="B10" s="62"/>
      <c r="C10" s="43">
        <v>52662</v>
      </c>
      <c r="D10" s="63"/>
      <c r="E10" s="64" t="s">
        <v>0</v>
      </c>
      <c r="F10" s="65"/>
      <c r="G10" s="65"/>
      <c r="H10" s="54"/>
      <c r="I10" s="54"/>
      <c r="J10" s="54"/>
      <c r="K10" s="54"/>
      <c r="L10" s="54"/>
      <c r="M10" s="66"/>
      <c r="N10" s="11"/>
      <c r="O10" s="40"/>
    </row>
    <row r="11" spans="2:15" s="45" customFormat="1" ht="15" customHeight="1">
      <c r="B11" s="62"/>
      <c r="C11" s="43">
        <v>232035</v>
      </c>
      <c r="D11" s="63"/>
      <c r="E11" s="67"/>
      <c r="F11" s="67" t="s">
        <v>9</v>
      </c>
      <c r="G11" s="65"/>
      <c r="H11" s="54"/>
      <c r="I11" s="54"/>
      <c r="J11" s="54"/>
      <c r="K11" s="54"/>
      <c r="L11" s="54"/>
      <c r="M11" s="66"/>
      <c r="N11" s="11"/>
      <c r="O11" s="40"/>
    </row>
    <row r="12" spans="2:15" s="45" customFormat="1" ht="15" customHeight="1">
      <c r="B12" s="62">
        <v>1</v>
      </c>
      <c r="C12" s="43">
        <v>295</v>
      </c>
      <c r="D12" s="63"/>
      <c r="E12" s="67"/>
      <c r="F12" s="67"/>
      <c r="G12" s="67" t="s">
        <v>10</v>
      </c>
      <c r="H12" s="54"/>
      <c r="I12" s="54"/>
      <c r="J12" s="54"/>
      <c r="K12" s="54"/>
      <c r="L12" s="54"/>
      <c r="M12" s="66"/>
      <c r="N12" s="11"/>
      <c r="O12" s="40"/>
    </row>
    <row r="13" spans="2:15" s="45" customFormat="1" ht="15" customHeight="1">
      <c r="B13" s="62">
        <v>2</v>
      </c>
      <c r="C13" s="43">
        <v>290</v>
      </c>
      <c r="D13" s="68"/>
      <c r="E13" s="69"/>
      <c r="F13" s="69"/>
      <c r="G13" s="69" t="s">
        <v>11</v>
      </c>
      <c r="H13" s="54"/>
      <c r="I13" s="54"/>
      <c r="J13" s="54"/>
      <c r="K13" s="54"/>
      <c r="L13" s="54"/>
      <c r="M13" s="66"/>
      <c r="N13" s="11"/>
      <c r="O13" s="40"/>
    </row>
    <row r="14" spans="2:15" s="45" customFormat="1" ht="15" customHeight="1">
      <c r="B14" s="62">
        <v>3</v>
      </c>
      <c r="C14" s="43">
        <v>858</v>
      </c>
      <c r="D14" s="63"/>
      <c r="E14" s="67"/>
      <c r="F14" s="67"/>
      <c r="G14" s="67" t="s">
        <v>12</v>
      </c>
      <c r="H14" s="54"/>
      <c r="I14" s="54"/>
      <c r="J14" s="54"/>
      <c r="K14" s="54"/>
      <c r="L14" s="54"/>
      <c r="M14" s="66"/>
      <c r="N14" s="11"/>
      <c r="O14" s="40"/>
    </row>
    <row r="15" spans="2:15" s="45" customFormat="1" ht="15" customHeight="1">
      <c r="B15" s="62">
        <v>4</v>
      </c>
      <c r="C15" s="43">
        <v>291</v>
      </c>
      <c r="D15" s="68"/>
      <c r="E15" s="69"/>
      <c r="F15" s="69"/>
      <c r="G15" s="69" t="s">
        <v>13</v>
      </c>
      <c r="H15" s="54"/>
      <c r="I15" s="54"/>
      <c r="J15" s="54"/>
      <c r="K15" s="54"/>
      <c r="L15" s="54"/>
      <c r="M15" s="66"/>
      <c r="N15" s="11"/>
      <c r="O15" s="40"/>
    </row>
    <row r="16" spans="2:15" s="45" customFormat="1" ht="15" customHeight="1">
      <c r="B16" s="62">
        <v>5</v>
      </c>
      <c r="C16" s="43">
        <v>293</v>
      </c>
      <c r="D16" s="63"/>
      <c r="E16" s="67"/>
      <c r="F16" s="67"/>
      <c r="G16" s="67" t="s">
        <v>14</v>
      </c>
      <c r="H16" s="54"/>
      <c r="I16" s="54"/>
      <c r="J16" s="54"/>
      <c r="K16" s="54"/>
      <c r="L16" s="54"/>
      <c r="M16" s="66"/>
      <c r="N16" s="11"/>
      <c r="O16" s="40"/>
    </row>
    <row r="17" spans="2:15" s="45" customFormat="1" ht="15" customHeight="1">
      <c r="B17" s="62">
        <v>6</v>
      </c>
      <c r="C17" s="43">
        <v>294</v>
      </c>
      <c r="D17" s="68"/>
      <c r="E17" s="69"/>
      <c r="F17" s="69"/>
      <c r="G17" s="69" t="s">
        <v>15</v>
      </c>
      <c r="H17" s="54"/>
      <c r="I17" s="54"/>
      <c r="J17" s="54"/>
      <c r="K17" s="54"/>
      <c r="L17" s="54"/>
      <c r="M17" s="66"/>
      <c r="N17" s="11"/>
      <c r="O17" s="40"/>
    </row>
    <row r="18" spans="2:15" s="45" customFormat="1" ht="15" customHeight="1">
      <c r="B18" s="62">
        <v>7</v>
      </c>
      <c r="C18" s="43">
        <v>292</v>
      </c>
      <c r="D18" s="63"/>
      <c r="E18" s="67"/>
      <c r="F18" s="67"/>
      <c r="G18" s="67" t="s">
        <v>16</v>
      </c>
      <c r="H18" s="54"/>
      <c r="I18" s="54"/>
      <c r="J18" s="54"/>
      <c r="K18" s="54"/>
      <c r="L18" s="54"/>
      <c r="M18" s="66"/>
      <c r="N18" s="11"/>
      <c r="O18" s="40"/>
    </row>
    <row r="19" spans="2:15" s="45" customFormat="1" ht="15" customHeight="1">
      <c r="B19" s="62">
        <v>8</v>
      </c>
      <c r="C19" s="43">
        <v>70596</v>
      </c>
      <c r="D19" s="68"/>
      <c r="E19" s="69"/>
      <c r="F19" s="69"/>
      <c r="G19" s="69" t="s">
        <v>17</v>
      </c>
      <c r="H19" s="54"/>
      <c r="I19" s="54"/>
      <c r="J19" s="54"/>
      <c r="K19" s="54"/>
      <c r="L19" s="54"/>
      <c r="M19" s="66"/>
      <c r="N19" s="11"/>
      <c r="O19" s="40"/>
    </row>
    <row r="20" spans="2:15" s="45" customFormat="1" ht="15" customHeight="1">
      <c r="B20" s="62"/>
      <c r="C20" s="43">
        <v>251529</v>
      </c>
      <c r="D20" s="63"/>
      <c r="E20" s="67"/>
      <c r="F20" s="67" t="s">
        <v>18</v>
      </c>
      <c r="G20" s="65"/>
      <c r="H20" s="54"/>
      <c r="I20" s="54"/>
      <c r="J20" s="54"/>
      <c r="K20" s="54"/>
      <c r="L20" s="54"/>
      <c r="M20" s="66"/>
      <c r="N20" s="11"/>
      <c r="O20" s="40"/>
    </row>
    <row r="21" spans="2:15" s="45" customFormat="1" ht="15" customHeight="1">
      <c r="B21" s="62">
        <v>9</v>
      </c>
      <c r="C21" s="43">
        <v>1915</v>
      </c>
      <c r="D21" s="63"/>
      <c r="E21" s="67"/>
      <c r="F21" s="67"/>
      <c r="G21" s="67" t="s">
        <v>19</v>
      </c>
      <c r="H21" s="54"/>
      <c r="I21" s="54"/>
      <c r="J21" s="54"/>
      <c r="K21" s="54"/>
      <c r="L21" s="54"/>
      <c r="M21" s="66"/>
      <c r="N21" s="11"/>
      <c r="O21" s="40"/>
    </row>
    <row r="22" spans="2:15" s="45" customFormat="1" ht="15" customHeight="1">
      <c r="B22" s="62">
        <v>10</v>
      </c>
      <c r="C22" s="43">
        <v>1906</v>
      </c>
      <c r="D22" s="68"/>
      <c r="E22" s="69"/>
      <c r="F22" s="69"/>
      <c r="G22" s="69" t="s">
        <v>20</v>
      </c>
      <c r="H22" s="54"/>
      <c r="I22" s="54"/>
      <c r="J22" s="54"/>
      <c r="K22" s="54"/>
      <c r="L22" s="54"/>
      <c r="M22" s="66"/>
      <c r="N22" s="11"/>
      <c r="O22" s="40"/>
    </row>
    <row r="23" spans="2:15" s="45" customFormat="1" ht="15" customHeight="1">
      <c r="B23" s="62">
        <v>11</v>
      </c>
      <c r="C23" s="43">
        <v>1908</v>
      </c>
      <c r="D23" s="63"/>
      <c r="E23" s="67"/>
      <c r="F23" s="67"/>
      <c r="G23" s="67" t="s">
        <v>21</v>
      </c>
      <c r="H23" s="54"/>
      <c r="I23" s="54"/>
      <c r="J23" s="54"/>
      <c r="K23" s="54"/>
      <c r="L23" s="54"/>
      <c r="M23" s="66"/>
      <c r="N23" s="11"/>
      <c r="O23" s="40"/>
    </row>
    <row r="24" spans="2:15" s="45" customFormat="1" ht="15" customHeight="1">
      <c r="B24" s="62">
        <v>12</v>
      </c>
      <c r="C24" s="43">
        <v>1909</v>
      </c>
      <c r="D24" s="68"/>
      <c r="E24" s="69"/>
      <c r="F24" s="69"/>
      <c r="G24" s="69" t="s">
        <v>22</v>
      </c>
      <c r="H24" s="54"/>
      <c r="I24" s="54"/>
      <c r="J24" s="54"/>
      <c r="K24" s="54"/>
      <c r="L24" s="54"/>
      <c r="M24" s="66"/>
      <c r="N24" s="11"/>
      <c r="O24" s="40"/>
    </row>
    <row r="25" spans="2:15" s="45" customFormat="1" ht="15" customHeight="1">
      <c r="B25" s="62">
        <v>13</v>
      </c>
      <c r="C25" s="43">
        <v>1910</v>
      </c>
      <c r="D25" s="63"/>
      <c r="E25" s="67"/>
      <c r="F25" s="67"/>
      <c r="G25" s="67" t="s">
        <v>23</v>
      </c>
      <c r="H25" s="54"/>
      <c r="I25" s="54"/>
      <c r="J25" s="54"/>
      <c r="K25" s="54"/>
      <c r="L25" s="54"/>
      <c r="M25" s="66"/>
      <c r="N25" s="11"/>
      <c r="O25" s="40"/>
    </row>
    <row r="26" spans="2:15" s="45" customFormat="1" ht="15" customHeight="1">
      <c r="B26" s="62">
        <v>14</v>
      </c>
      <c r="C26" s="43">
        <v>1911</v>
      </c>
      <c r="D26" s="68"/>
      <c r="E26" s="69"/>
      <c r="F26" s="69"/>
      <c r="G26" s="69" t="s">
        <v>24</v>
      </c>
      <c r="H26" s="54"/>
      <c r="I26" s="54"/>
      <c r="J26" s="54"/>
      <c r="K26" s="54"/>
      <c r="L26" s="54"/>
      <c r="M26" s="66"/>
      <c r="N26" s="11"/>
      <c r="O26" s="40"/>
    </row>
    <row r="27" spans="2:15" s="45" customFormat="1" ht="15" customHeight="1">
      <c r="B27" s="62">
        <v>15</v>
      </c>
      <c r="C27" s="43">
        <v>1918</v>
      </c>
      <c r="D27" s="63"/>
      <c r="E27" s="67"/>
      <c r="F27" s="67"/>
      <c r="G27" s="67" t="s">
        <v>25</v>
      </c>
      <c r="H27" s="54"/>
      <c r="I27" s="54"/>
      <c r="J27" s="54"/>
      <c r="K27" s="54"/>
      <c r="L27" s="54"/>
      <c r="M27" s="66"/>
      <c r="N27" s="11"/>
      <c r="O27" s="40"/>
    </row>
    <row r="28" spans="2:15" s="45" customFormat="1" ht="15" customHeight="1">
      <c r="B28" s="62">
        <v>16</v>
      </c>
      <c r="C28" s="43">
        <v>1912</v>
      </c>
      <c r="D28" s="68"/>
      <c r="E28" s="69"/>
      <c r="F28" s="69"/>
      <c r="G28" s="69" t="s">
        <v>26</v>
      </c>
      <c r="H28" s="54"/>
      <c r="I28" s="54"/>
      <c r="J28" s="54"/>
      <c r="K28" s="54"/>
      <c r="L28" s="54"/>
      <c r="M28" s="66"/>
      <c r="N28" s="11"/>
      <c r="O28" s="40"/>
    </row>
    <row r="29" spans="2:15" s="45" customFormat="1" ht="15" customHeight="1">
      <c r="B29" s="62">
        <v>17</v>
      </c>
      <c r="C29" s="43">
        <v>1913</v>
      </c>
      <c r="D29" s="63"/>
      <c r="E29" s="67"/>
      <c r="F29" s="67"/>
      <c r="G29" s="67" t="s">
        <v>27</v>
      </c>
      <c r="H29" s="54"/>
      <c r="I29" s="54"/>
      <c r="J29" s="54"/>
      <c r="K29" s="54"/>
      <c r="L29" s="54"/>
      <c r="M29" s="66"/>
      <c r="N29" s="11"/>
      <c r="O29" s="40"/>
    </row>
    <row r="30" spans="2:15" s="45" customFormat="1" ht="15" customHeight="1">
      <c r="B30" s="62">
        <v>18</v>
      </c>
      <c r="C30" s="43">
        <v>1914</v>
      </c>
      <c r="D30" s="68"/>
      <c r="E30" s="69"/>
      <c r="F30" s="69"/>
      <c r="G30" s="69" t="s">
        <v>28</v>
      </c>
      <c r="H30" s="54"/>
      <c r="I30" s="54"/>
      <c r="J30" s="54"/>
      <c r="K30" s="54"/>
      <c r="L30" s="54"/>
      <c r="M30" s="66"/>
      <c r="N30" s="11"/>
      <c r="O30" s="40"/>
    </row>
    <row r="31" spans="2:15" s="45" customFormat="1" ht="15" customHeight="1">
      <c r="B31" s="62">
        <v>19</v>
      </c>
      <c r="C31" s="43">
        <v>1916</v>
      </c>
      <c r="D31" s="63"/>
      <c r="E31" s="67"/>
      <c r="F31" s="67"/>
      <c r="G31" s="67" t="s">
        <v>29</v>
      </c>
      <c r="H31" s="54"/>
      <c r="I31" s="54"/>
      <c r="J31" s="54"/>
      <c r="K31" s="54"/>
      <c r="L31" s="54"/>
      <c r="M31" s="66"/>
      <c r="N31" s="11"/>
      <c r="O31" s="40"/>
    </row>
    <row r="32" spans="2:15" s="45" customFormat="1" ht="15" customHeight="1">
      <c r="B32" s="62">
        <v>20</v>
      </c>
      <c r="C32" s="43">
        <v>1917</v>
      </c>
      <c r="D32" s="68"/>
      <c r="E32" s="69"/>
      <c r="F32" s="69"/>
      <c r="G32" s="69" t="s">
        <v>30</v>
      </c>
      <c r="H32" s="54"/>
      <c r="I32" s="54"/>
      <c r="J32" s="54"/>
      <c r="K32" s="54"/>
      <c r="L32" s="54"/>
      <c r="M32" s="66"/>
      <c r="N32" s="11"/>
      <c r="O32" s="40"/>
    </row>
    <row r="33" spans="2:15" s="45" customFormat="1" ht="15" customHeight="1">
      <c r="B33" s="62">
        <v>21</v>
      </c>
      <c r="C33" s="43">
        <v>1919</v>
      </c>
      <c r="D33" s="63"/>
      <c r="E33" s="67"/>
      <c r="F33" s="67"/>
      <c r="G33" s="67" t="s">
        <v>31</v>
      </c>
      <c r="H33" s="54"/>
      <c r="I33" s="54"/>
      <c r="J33" s="54"/>
      <c r="K33" s="54"/>
      <c r="L33" s="54"/>
      <c r="M33" s="66"/>
      <c r="N33" s="11"/>
      <c r="O33" s="40"/>
    </row>
    <row r="34" spans="2:15" s="45" customFormat="1" ht="15" customHeight="1">
      <c r="B34" s="62">
        <v>22</v>
      </c>
      <c r="C34" s="43">
        <v>1920</v>
      </c>
      <c r="D34" s="68"/>
      <c r="E34" s="69"/>
      <c r="F34" s="69"/>
      <c r="G34" s="69" t="s">
        <v>32</v>
      </c>
      <c r="H34" s="54"/>
      <c r="I34" s="54"/>
      <c r="J34" s="54"/>
      <c r="K34" s="54"/>
      <c r="L34" s="54"/>
      <c r="M34" s="66"/>
      <c r="N34" s="11"/>
      <c r="O34" s="40"/>
    </row>
    <row r="35" spans="2:15" s="45" customFormat="1" ht="15" customHeight="1">
      <c r="B35" s="62">
        <v>23</v>
      </c>
      <c r="C35" s="43">
        <v>1923</v>
      </c>
      <c r="D35" s="63"/>
      <c r="E35" s="67"/>
      <c r="F35" s="67"/>
      <c r="G35" s="67" t="s">
        <v>33</v>
      </c>
      <c r="H35" s="54"/>
      <c r="I35" s="54"/>
      <c r="J35" s="54"/>
      <c r="K35" s="54"/>
      <c r="L35" s="54"/>
      <c r="M35" s="66"/>
      <c r="N35" s="11"/>
      <c r="O35" s="40"/>
    </row>
    <row r="36" spans="2:15" s="45" customFormat="1" ht="15" customHeight="1">
      <c r="B36" s="62">
        <v>24</v>
      </c>
      <c r="C36" s="43">
        <v>2305</v>
      </c>
      <c r="D36" s="68"/>
      <c r="E36" s="69"/>
      <c r="F36" s="69"/>
      <c r="G36" s="69" t="s">
        <v>34</v>
      </c>
      <c r="H36" s="54"/>
      <c r="I36" s="54"/>
      <c r="J36" s="54"/>
      <c r="K36" s="54"/>
      <c r="L36" s="54"/>
      <c r="M36" s="66"/>
      <c r="N36" s="11"/>
      <c r="O36" s="40"/>
    </row>
    <row r="37" spans="2:15" s="45" customFormat="1" ht="15" customHeight="1">
      <c r="B37" s="62">
        <v>25</v>
      </c>
      <c r="C37" s="43">
        <v>3312</v>
      </c>
      <c r="D37" s="63"/>
      <c r="E37" s="67"/>
      <c r="F37" s="67"/>
      <c r="G37" s="67" t="s">
        <v>35</v>
      </c>
      <c r="H37" s="54"/>
      <c r="I37" s="54"/>
      <c r="J37" s="54"/>
      <c r="K37" s="54"/>
      <c r="L37" s="54"/>
      <c r="M37" s="66"/>
      <c r="N37" s="11"/>
      <c r="O37" s="40"/>
    </row>
    <row r="38" spans="2:15" s="45" customFormat="1" ht="15" customHeight="1">
      <c r="B38" s="62">
        <v>26</v>
      </c>
      <c r="C38" s="43">
        <v>40366</v>
      </c>
      <c r="D38" s="68"/>
      <c r="E38" s="69"/>
      <c r="F38" s="69"/>
      <c r="G38" s="69" t="s">
        <v>36</v>
      </c>
      <c r="H38" s="54"/>
      <c r="I38" s="54"/>
      <c r="J38" s="54"/>
      <c r="K38" s="54"/>
      <c r="L38" s="54"/>
      <c r="M38" s="66"/>
      <c r="N38" s="11"/>
      <c r="O38" s="40"/>
    </row>
    <row r="39" spans="2:15" s="45" customFormat="1" ht="15" customHeight="1">
      <c r="B39" s="62">
        <v>27</v>
      </c>
      <c r="C39" s="43">
        <v>268249</v>
      </c>
      <c r="D39" s="63"/>
      <c r="E39" s="67"/>
      <c r="F39" s="67"/>
      <c r="G39" s="67" t="s">
        <v>37</v>
      </c>
      <c r="H39" s="54"/>
      <c r="I39" s="54"/>
      <c r="J39" s="54"/>
      <c r="K39" s="54"/>
      <c r="L39" s="54"/>
      <c r="M39" s="66"/>
      <c r="N39" s="11"/>
      <c r="O39" s="40"/>
    </row>
    <row r="40" spans="2:15" s="45" customFormat="1" ht="15" customHeight="1">
      <c r="B40" s="62"/>
      <c r="C40" s="43">
        <v>251535</v>
      </c>
      <c r="D40" s="68"/>
      <c r="E40" s="69"/>
      <c r="F40" s="69" t="s">
        <v>38</v>
      </c>
      <c r="G40" s="65"/>
      <c r="H40" s="54"/>
      <c r="I40" s="54"/>
      <c r="J40" s="54"/>
      <c r="K40" s="54"/>
      <c r="L40" s="54"/>
      <c r="M40" s="66"/>
      <c r="N40" s="11"/>
      <c r="O40" s="40"/>
    </row>
    <row r="41" spans="2:15" s="45" customFormat="1" ht="15" customHeight="1">
      <c r="B41" s="62">
        <v>28</v>
      </c>
      <c r="C41" s="43">
        <v>1926</v>
      </c>
      <c r="D41" s="68"/>
      <c r="E41" s="69"/>
      <c r="F41" s="69"/>
      <c r="G41" s="69" t="s">
        <v>8</v>
      </c>
      <c r="H41" s="54"/>
      <c r="I41" s="54"/>
      <c r="J41" s="54"/>
      <c r="K41" s="54"/>
      <c r="L41" s="54"/>
      <c r="M41" s="66"/>
      <c r="N41" s="11"/>
      <c r="O41" s="40"/>
    </row>
    <row r="42" spans="2:15" s="45" customFormat="1" ht="15" customHeight="1">
      <c r="B42" s="62">
        <v>29</v>
      </c>
      <c r="C42" s="43">
        <v>2209</v>
      </c>
      <c r="D42" s="63"/>
      <c r="E42" s="67"/>
      <c r="F42" s="67"/>
      <c r="G42" s="67" t="s">
        <v>39</v>
      </c>
      <c r="H42" s="54"/>
      <c r="I42" s="54"/>
      <c r="J42" s="54"/>
      <c r="K42" s="54"/>
      <c r="L42" s="54"/>
      <c r="M42" s="66"/>
      <c r="N42" s="11"/>
      <c r="O42" s="40"/>
    </row>
    <row r="43" spans="2:15" s="45" customFormat="1" ht="15.75" customHeight="1" thickBot="1">
      <c r="B43" s="70">
        <v>30</v>
      </c>
      <c r="C43" s="44">
        <v>2216</v>
      </c>
      <c r="D43" s="71"/>
      <c r="E43" s="72"/>
      <c r="F43" s="72"/>
      <c r="G43" s="72" t="s">
        <v>40</v>
      </c>
      <c r="H43" s="73"/>
      <c r="I43" s="73"/>
      <c r="J43" s="73"/>
      <c r="K43" s="73"/>
      <c r="L43" s="73"/>
      <c r="M43" s="74"/>
      <c r="N43" s="41"/>
      <c r="O43" s="42"/>
    </row>
    <row r="44" spans="2:15">
      <c r="B44" s="15"/>
      <c r="D44" s="45"/>
      <c r="E44" s="45"/>
      <c r="F44" s="45"/>
      <c r="G44" s="45"/>
      <c r="H44" s="45"/>
      <c r="I44" s="45"/>
      <c r="J44" s="45"/>
      <c r="K44" s="45"/>
      <c r="L44" s="45"/>
      <c r="M44" s="45"/>
    </row>
    <row r="45" spans="2:15">
      <c r="B45" s="15"/>
      <c r="C45" s="75" t="s">
        <v>42</v>
      </c>
      <c r="D45" s="45"/>
      <c r="E45" s="45"/>
      <c r="F45" s="45"/>
      <c r="G45" s="45"/>
      <c r="H45" s="45"/>
      <c r="I45" s="45"/>
      <c r="J45" s="45"/>
      <c r="K45" s="45"/>
      <c r="L45" s="45"/>
      <c r="M45" s="45"/>
    </row>
    <row r="46" spans="2:15">
      <c r="B46" s="15"/>
      <c r="D46" s="45"/>
      <c r="E46" s="45"/>
      <c r="F46" s="45"/>
      <c r="G46" s="45"/>
      <c r="H46" s="45"/>
      <c r="I46" s="45"/>
      <c r="J46" s="45"/>
      <c r="K46" s="45"/>
      <c r="L46" s="45"/>
      <c r="M46" s="45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0"/>
  <sheetViews>
    <sheetView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5" hidden="1" customWidth="1"/>
    <col min="2" max="2" width="6.42578125" style="17" hidden="1" customWidth="1"/>
    <col min="3" max="3" width="10.85546875" style="15" customWidth="1"/>
    <col min="4" max="4" width="1.42578125" style="15" customWidth="1"/>
    <col min="5" max="12" width="3.5703125" style="15" customWidth="1"/>
    <col min="13" max="13" width="100.7109375" style="15" customWidth="1"/>
    <col min="14" max="14" width="20.85546875" style="15" customWidth="1"/>
    <col min="15" max="15" width="24.28515625" style="15" customWidth="1"/>
    <col min="16" max="16384" width="11.42578125" style="15"/>
  </cols>
  <sheetData>
    <row r="1" spans="2:15" ht="5.25" customHeight="1">
      <c r="B1" s="16"/>
      <c r="F1" s="17"/>
      <c r="G1" s="17"/>
      <c r="H1" s="17"/>
    </row>
    <row r="2" spans="2:15" ht="4.5" customHeight="1">
      <c r="B2" s="15"/>
      <c r="C2" s="1"/>
      <c r="D2" s="2"/>
      <c r="E2" s="2"/>
      <c r="F2" s="3"/>
      <c r="G2" s="3"/>
      <c r="H2" s="3"/>
      <c r="I2" s="3"/>
      <c r="J2" s="3"/>
      <c r="K2" s="3"/>
      <c r="L2" s="18"/>
      <c r="M2" s="19"/>
      <c r="N2" s="19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56"/>
      <c r="M3" s="57"/>
      <c r="N3" s="57"/>
      <c r="O3" s="58"/>
    </row>
    <row r="4" spans="2:15" s="21" customFormat="1" ht="4.5" customHeight="1">
      <c r="C4" s="6"/>
      <c r="D4" s="7"/>
      <c r="E4" s="7"/>
      <c r="F4" s="8"/>
      <c r="G4" s="24"/>
      <c r="H4" s="24"/>
      <c r="I4" s="24"/>
      <c r="J4" s="24"/>
      <c r="K4" s="24"/>
      <c r="L4" s="25"/>
      <c r="M4" s="26"/>
      <c r="N4" s="26"/>
      <c r="O4" s="27"/>
    </row>
    <row r="5" spans="2:15" ht="7.5" customHeight="1">
      <c r="B5" s="15"/>
      <c r="C5" s="17"/>
      <c r="G5" s="17"/>
      <c r="H5" s="17"/>
      <c r="I5" s="17"/>
      <c r="J5" s="17"/>
      <c r="K5" s="17"/>
      <c r="M5" s="28"/>
      <c r="N5" s="28"/>
      <c r="O5" s="28"/>
    </row>
    <row r="6" spans="2:15" s="29" customFormat="1" ht="22.5" customHeight="1">
      <c r="C6" s="13" t="s">
        <v>2</v>
      </c>
      <c r="D6" s="14"/>
      <c r="E6" s="30"/>
      <c r="F6" s="12"/>
      <c r="G6" s="31"/>
      <c r="H6" s="31"/>
      <c r="I6" s="31"/>
      <c r="J6" s="31"/>
      <c r="K6" s="31"/>
      <c r="L6" s="59"/>
      <c r="M6" s="60"/>
      <c r="N6" s="60"/>
      <c r="O6" s="61"/>
    </row>
    <row r="7" spans="2:15" s="29" customFormat="1" ht="22.5" customHeight="1">
      <c r="C7" s="13" t="s">
        <v>3</v>
      </c>
      <c r="D7" s="14"/>
      <c r="E7" s="30"/>
      <c r="F7" s="12"/>
      <c r="G7" s="31"/>
      <c r="H7" s="31"/>
      <c r="I7" s="31"/>
      <c r="J7" s="31"/>
      <c r="K7" s="31"/>
      <c r="L7" s="59"/>
      <c r="M7" s="60"/>
      <c r="N7" s="60"/>
      <c r="O7" s="61"/>
    </row>
    <row r="8" spans="2:15" ht="7.5" customHeight="1" thickBot="1">
      <c r="F8" s="17"/>
      <c r="G8" s="17"/>
      <c r="H8" s="17"/>
    </row>
    <row r="9" spans="2:15" s="32" customFormat="1" ht="60" customHeight="1">
      <c r="B9" s="33" t="s">
        <v>4</v>
      </c>
      <c r="C9" s="9" t="s">
        <v>5</v>
      </c>
      <c r="D9" s="34"/>
      <c r="E9" s="35" t="s">
        <v>46</v>
      </c>
      <c r="F9" s="36"/>
      <c r="G9" s="36"/>
      <c r="H9" s="36"/>
      <c r="I9" s="36"/>
      <c r="J9" s="36"/>
      <c r="K9" s="36"/>
      <c r="L9" s="36"/>
      <c r="M9" s="37"/>
      <c r="N9" s="38" t="s">
        <v>45</v>
      </c>
      <c r="O9" s="10" t="s">
        <v>7</v>
      </c>
    </row>
    <row r="10" spans="2:15" s="45" customFormat="1" ht="15.75" customHeight="1">
      <c r="B10" s="62"/>
      <c r="C10" s="43">
        <v>52662</v>
      </c>
      <c r="D10" s="63"/>
      <c r="E10" s="64" t="s">
        <v>0</v>
      </c>
      <c r="F10" s="65"/>
      <c r="G10" s="65"/>
      <c r="H10" s="54"/>
      <c r="I10" s="54"/>
      <c r="J10" s="54"/>
      <c r="K10" s="54"/>
      <c r="L10" s="54"/>
      <c r="M10" s="66"/>
      <c r="N10" s="11"/>
      <c r="O10" s="39"/>
    </row>
    <row r="11" spans="2:15" s="45" customFormat="1" ht="15" customHeight="1">
      <c r="B11" s="62"/>
      <c r="C11" s="43">
        <v>232035</v>
      </c>
      <c r="D11" s="63"/>
      <c r="E11" s="67"/>
      <c r="F11" s="67" t="s">
        <v>9</v>
      </c>
      <c r="G11" s="65"/>
      <c r="H11" s="54"/>
      <c r="I11" s="54"/>
      <c r="J11" s="54"/>
      <c r="K11" s="54"/>
      <c r="L11" s="54"/>
      <c r="M11" s="66"/>
      <c r="N11" s="11"/>
      <c r="O11" s="40"/>
    </row>
    <row r="12" spans="2:15" s="45" customFormat="1" ht="15" customHeight="1">
      <c r="B12" s="62"/>
      <c r="C12" s="43">
        <v>251529</v>
      </c>
      <c r="D12" s="63"/>
      <c r="E12" s="67"/>
      <c r="F12" s="67" t="s">
        <v>18</v>
      </c>
      <c r="G12" s="65"/>
      <c r="H12" s="54"/>
      <c r="I12" s="54"/>
      <c r="J12" s="54"/>
      <c r="K12" s="54"/>
      <c r="L12" s="54"/>
      <c r="M12" s="66"/>
      <c r="N12" s="11"/>
      <c r="O12" s="40"/>
    </row>
    <row r="13" spans="2:15" s="45" customFormat="1" ht="15" customHeight="1">
      <c r="B13" s="62"/>
      <c r="C13" s="43">
        <v>251535</v>
      </c>
      <c r="D13" s="68"/>
      <c r="E13" s="69"/>
      <c r="F13" s="69" t="s">
        <v>38</v>
      </c>
      <c r="G13" s="65"/>
      <c r="H13" s="54"/>
      <c r="I13" s="54"/>
      <c r="J13" s="54"/>
      <c r="K13" s="54"/>
      <c r="L13" s="54"/>
      <c r="M13" s="66"/>
      <c r="N13" s="11"/>
      <c r="O13" s="40"/>
    </row>
    <row r="14" spans="2:15" s="45" customFormat="1" ht="15.75" customHeight="1">
      <c r="B14" s="46"/>
      <c r="C14" s="47"/>
      <c r="D14" s="48"/>
      <c r="E14" s="49" t="s">
        <v>44</v>
      </c>
      <c r="F14" s="80"/>
      <c r="G14" s="80"/>
      <c r="H14" s="80"/>
      <c r="I14" s="80"/>
      <c r="J14" s="80"/>
      <c r="K14" s="80"/>
      <c r="L14" s="80"/>
      <c r="M14" s="81"/>
      <c r="N14" s="82"/>
      <c r="O14" s="83"/>
    </row>
    <row r="15" spans="2:15" s="45" customFormat="1" ht="15.75" customHeight="1">
      <c r="B15" s="46"/>
      <c r="C15" s="50"/>
      <c r="D15" s="51"/>
      <c r="E15" s="52" t="s">
        <v>43</v>
      </c>
      <c r="F15" s="84"/>
      <c r="G15" s="84"/>
      <c r="H15" s="84"/>
      <c r="I15" s="84"/>
      <c r="J15" s="84"/>
      <c r="K15" s="84"/>
      <c r="L15" s="84"/>
      <c r="M15" s="85"/>
      <c r="N15" s="86"/>
      <c r="O15" s="87"/>
    </row>
    <row r="16" spans="2:15" s="45" customFormat="1" ht="15.75" customHeight="1">
      <c r="B16" s="46"/>
      <c r="C16" s="43"/>
      <c r="D16" s="76"/>
      <c r="E16" s="60"/>
      <c r="F16" s="60"/>
      <c r="G16" s="60"/>
      <c r="H16" s="60"/>
      <c r="I16" s="60"/>
      <c r="J16" s="60"/>
      <c r="K16" s="60"/>
      <c r="L16" s="60"/>
      <c r="M16" s="61"/>
      <c r="N16" s="11"/>
      <c r="O16" s="40"/>
    </row>
    <row r="17" spans="2:15" s="45" customFormat="1" ht="15" customHeight="1">
      <c r="B17" s="46"/>
      <c r="C17" s="43"/>
      <c r="D17" s="76"/>
      <c r="E17" s="60"/>
      <c r="F17" s="60"/>
      <c r="G17" s="60"/>
      <c r="H17" s="60"/>
      <c r="I17" s="60"/>
      <c r="J17" s="60"/>
      <c r="K17" s="60"/>
      <c r="L17" s="60"/>
      <c r="M17" s="61"/>
      <c r="N17" s="11"/>
      <c r="O17" s="40"/>
    </row>
    <row r="18" spans="2:15" s="45" customFormat="1" ht="15" customHeight="1">
      <c r="B18" s="46"/>
      <c r="C18" s="43"/>
      <c r="D18" s="76"/>
      <c r="E18" s="60"/>
      <c r="F18" s="60"/>
      <c r="G18" s="60"/>
      <c r="H18" s="60"/>
      <c r="I18" s="60"/>
      <c r="J18" s="60"/>
      <c r="K18" s="60"/>
      <c r="L18" s="60"/>
      <c r="M18" s="61"/>
      <c r="N18" s="11"/>
      <c r="O18" s="40"/>
    </row>
    <row r="19" spans="2:15" s="45" customFormat="1" ht="15" customHeight="1">
      <c r="B19" s="46"/>
      <c r="C19" s="43"/>
      <c r="D19" s="76"/>
      <c r="E19" s="60"/>
      <c r="F19" s="60"/>
      <c r="G19" s="60"/>
      <c r="H19" s="60"/>
      <c r="I19" s="60"/>
      <c r="J19" s="60"/>
      <c r="K19" s="60"/>
      <c r="L19" s="60"/>
      <c r="M19" s="61"/>
      <c r="N19" s="11"/>
      <c r="O19" s="40"/>
    </row>
    <row r="20" spans="2:15" s="45" customFormat="1" ht="15" customHeight="1">
      <c r="B20" s="46"/>
      <c r="C20" s="43"/>
      <c r="D20" s="76"/>
      <c r="E20" s="60"/>
      <c r="F20" s="60"/>
      <c r="G20" s="60"/>
      <c r="H20" s="60"/>
      <c r="I20" s="60"/>
      <c r="J20" s="60"/>
      <c r="K20" s="60"/>
      <c r="L20" s="60"/>
      <c r="M20" s="61"/>
      <c r="N20" s="11"/>
      <c r="O20" s="40"/>
    </row>
    <row r="21" spans="2:15" s="45" customFormat="1" ht="15" customHeight="1">
      <c r="B21" s="46"/>
      <c r="C21" s="43"/>
      <c r="D21" s="76"/>
      <c r="E21" s="60"/>
      <c r="F21" s="60"/>
      <c r="G21" s="60"/>
      <c r="H21" s="60"/>
      <c r="I21" s="60"/>
      <c r="J21" s="60"/>
      <c r="K21" s="60"/>
      <c r="L21" s="60"/>
      <c r="M21" s="61"/>
      <c r="N21" s="11"/>
      <c r="O21" s="40"/>
    </row>
    <row r="22" spans="2:15" s="45" customFormat="1" ht="15" customHeight="1">
      <c r="B22" s="46"/>
      <c r="C22" s="43"/>
      <c r="D22" s="76"/>
      <c r="E22" s="60"/>
      <c r="F22" s="60"/>
      <c r="G22" s="60"/>
      <c r="H22" s="60"/>
      <c r="I22" s="60"/>
      <c r="J22" s="60"/>
      <c r="K22" s="60"/>
      <c r="L22" s="60"/>
      <c r="M22" s="61"/>
      <c r="N22" s="11"/>
      <c r="O22" s="40"/>
    </row>
    <row r="23" spans="2:15" s="45" customFormat="1" ht="15" customHeight="1">
      <c r="B23" s="46"/>
      <c r="C23" s="43"/>
      <c r="D23" s="76"/>
      <c r="E23" s="60"/>
      <c r="F23" s="60"/>
      <c r="G23" s="60"/>
      <c r="H23" s="60"/>
      <c r="I23" s="60"/>
      <c r="J23" s="60"/>
      <c r="K23" s="60"/>
      <c r="L23" s="60"/>
      <c r="M23" s="61"/>
      <c r="N23" s="11"/>
      <c r="O23" s="40"/>
    </row>
    <row r="24" spans="2:15" s="45" customFormat="1" ht="15" customHeight="1">
      <c r="B24" s="53"/>
      <c r="C24" s="43"/>
      <c r="D24" s="76"/>
      <c r="E24" s="60"/>
      <c r="F24" s="60"/>
      <c r="G24" s="60"/>
      <c r="H24" s="60"/>
      <c r="I24" s="60"/>
      <c r="J24" s="60"/>
      <c r="K24" s="60"/>
      <c r="L24" s="60"/>
      <c r="M24" s="61"/>
      <c r="N24" s="11"/>
      <c r="O24" s="40"/>
    </row>
    <row r="25" spans="2:15" s="45" customFormat="1" ht="15" customHeight="1">
      <c r="B25" s="46"/>
      <c r="C25" s="43"/>
      <c r="D25" s="76"/>
      <c r="E25" s="60"/>
      <c r="F25" s="60"/>
      <c r="G25" s="60"/>
      <c r="H25" s="60"/>
      <c r="I25" s="60"/>
      <c r="J25" s="60"/>
      <c r="K25" s="60"/>
      <c r="L25" s="60"/>
      <c r="M25" s="61"/>
      <c r="N25" s="11"/>
      <c r="O25" s="40"/>
    </row>
    <row r="26" spans="2:15" s="45" customFormat="1" ht="15" customHeight="1">
      <c r="B26" s="46"/>
      <c r="C26" s="43"/>
      <c r="D26" s="76"/>
      <c r="E26" s="60"/>
      <c r="F26" s="60"/>
      <c r="G26" s="60"/>
      <c r="H26" s="60"/>
      <c r="I26" s="60"/>
      <c r="J26" s="60"/>
      <c r="K26" s="60"/>
      <c r="L26" s="60"/>
      <c r="M26" s="61"/>
      <c r="N26" s="11"/>
      <c r="O26" s="40"/>
    </row>
    <row r="27" spans="2:15" s="45" customFormat="1" ht="15.75" customHeight="1" thickBot="1">
      <c r="B27" s="55"/>
      <c r="C27" s="44"/>
      <c r="D27" s="77"/>
      <c r="E27" s="78"/>
      <c r="F27" s="78"/>
      <c r="G27" s="78"/>
      <c r="H27" s="78"/>
      <c r="I27" s="78"/>
      <c r="J27" s="78"/>
      <c r="K27" s="78"/>
      <c r="L27" s="78"/>
      <c r="M27" s="79"/>
      <c r="N27" s="41"/>
      <c r="O27" s="42"/>
    </row>
    <row r="28" spans="2:15">
      <c r="B28" s="15"/>
      <c r="D28" s="45"/>
      <c r="E28" s="45"/>
      <c r="F28" s="45"/>
      <c r="G28" s="45"/>
      <c r="H28" s="45"/>
      <c r="I28" s="45"/>
      <c r="J28" s="45"/>
      <c r="K28" s="45"/>
      <c r="L28" s="45"/>
      <c r="M28" s="45"/>
    </row>
    <row r="29" spans="2:15">
      <c r="B29" s="15"/>
      <c r="C29" s="75" t="s">
        <v>42</v>
      </c>
      <c r="D29" s="45"/>
      <c r="E29" s="45"/>
      <c r="F29" s="45"/>
      <c r="G29" s="45"/>
      <c r="H29" s="45"/>
      <c r="I29" s="45"/>
      <c r="J29" s="45"/>
      <c r="K29" s="45"/>
      <c r="L29" s="45"/>
      <c r="M29" s="45"/>
    </row>
    <row r="30" spans="2:15">
      <c r="B30" s="15"/>
      <c r="D30" s="45"/>
      <c r="E30" s="45"/>
      <c r="F30" s="45"/>
      <c r="G30" s="45"/>
      <c r="H30" s="45"/>
      <c r="I30" s="45"/>
      <c r="J30" s="45"/>
      <c r="K30" s="45"/>
      <c r="L30" s="45"/>
      <c r="M30" s="45"/>
    </row>
  </sheetData>
  <sheetProtection password="98D8" sheet="1" objects="1" scenarios="1" selectLockedCells="1"/>
  <mergeCells count="20">
    <mergeCell ref="D22:M22"/>
    <mergeCell ref="D23:M23"/>
    <mergeCell ref="D24:M24"/>
    <mergeCell ref="D25:M25"/>
    <mergeCell ref="D26:M26"/>
    <mergeCell ref="D27:M27"/>
    <mergeCell ref="D16:M16"/>
    <mergeCell ref="D17:M17"/>
    <mergeCell ref="D18:M18"/>
    <mergeCell ref="D19:M19"/>
    <mergeCell ref="D20:M20"/>
    <mergeCell ref="D21:M21"/>
    <mergeCell ref="C6:E6"/>
    <mergeCell ref="C7:E7"/>
    <mergeCell ref="E9:M9"/>
    <mergeCell ref="E14:M14"/>
    <mergeCell ref="E15:M15"/>
    <mergeCell ref="L3:O3"/>
    <mergeCell ref="L6:O6"/>
    <mergeCell ref="L7:O7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7:47Z</dcterms:created>
  <dcterms:modified xsi:type="dcterms:W3CDTF">2013-07-24T13:15:28Z</dcterms:modified>
</cp:coreProperties>
</file>